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erkel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0E9E20E8-DE8A-2131-C7FC-8072B0EC08F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1377" y="5257799"/>
            <a:ext cx="2181233" cy="137417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A04DB11C-2BE0-97F6-3ABC-1BE2A45941C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8278" y="4323137"/>
            <a:ext cx="1699348" cy="107058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0-21T13:04:23Z</dcterms:modified>
</cp:coreProperties>
</file>